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oordoostpold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schermopname, Graphics, tekst, grafische vormgeving&#10;&#10;Automatisch gegenereerde beschrijving">
            <a:extLst>
              <a:ext uri="{FF2B5EF4-FFF2-40B4-BE49-F238E27FC236}">
                <a16:creationId xmlns:a16="http://schemas.microsoft.com/office/drawing/2014/main" id="{5FF36D88-F617-1248-FC88-D12D63F0F31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249" y="4560411"/>
            <a:ext cx="2504092"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schermopname, Graphics, tekst, grafische vormgeving&#10;&#10;Automatisch gegenereerde beschrijving">
            <a:extLst>
              <a:ext uri="{FF2B5EF4-FFF2-40B4-BE49-F238E27FC236}">
                <a16:creationId xmlns:a16="http://schemas.microsoft.com/office/drawing/2014/main" id="{10CF553B-70AE-79C6-20EC-14F38F21DBE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67448" y="3847785"/>
            <a:ext cx="1740725"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05T13:40:51Z</dcterms:modified>
</cp:coreProperties>
</file>